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Opening dat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par la suit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